
<file path=[Content_Types].xml><?xml version="1.0" encoding="utf-8"?>
<Types xmlns="http://schemas.openxmlformats.org/package/2006/content-types">
  <Default ContentType="application/vnd.openxmlformats-package.relationships+xml" Extension="rels"/>
  <Default ContentType="application/xml" Extension="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wordprocessingml.document.main+xml" PartName="/word/document.xml"/>
  <Override ContentType="application/vnd.openxmlformats-officedocument.wordprocessingml.settings+xml" PartName="/word/settings.xml"/>
</Types>
</file>

<file path=_rels/.rels><?xml version="1.0" encoding="UTF-8" standalone="no"?><Relationships xmlns="http://schemas.openxmlformats.org/package/2006/relationships"><Relationship Id="rId1" Target="word/document.xml" Type="http://schemas.openxmlformats.org/officeDocument/2006/relationships/officeDocument"/><Relationship Id="rId2" Target="docProps/app.xml" Type="http://schemas.openxmlformats.org/officeDocument/2006/relationships/extended-properties"/><Relationship Id="rId3" Target="docProps/core.xml" Type="http://schemas.openxmlformats.org/package/2006/relationships/metadata/core-properties"/></Relationships>
</file>

<file path=word/document.xml><?xml version="1.0" encoding="utf-8"?>
<w:document xmlns:w="http://schemas.openxmlformats.org/wordprocessingml/2006/main">
  <w:body>
    <w:p>
      <w:r/>
    </w:p>
    <w:p>
      <w:pPr>
        <w:jc w:val="left"/>
      </w:pPr>
      <w:r/>
      <w:r>
        <w:rPr>
          <w:rFonts w:ascii="Arial" w:hAnsi="Arial" w:cs="Arial" w:eastAsia="Arial"/>
          <w:b w:val="true"/>
          <w:color w:val="000000"/>
          <w:sz w:val="28"/>
        </w:rPr>
        <w:t/>
        <w:cr/>
        <w:t>General Linear Model</w:t>
        <w:cr/>
      </w:r>
    </w:p>
    <w:p>
      <w:r/>
    </w:p>
    <w:tbl>
      <w:tblPr>
        <w:tblW w:w="0" w:type="auto"/>
        <w:jc w:val="left"/>
        <w:tblLayout w:type="fixed"/>
      </w:tblPr>
      <w:tblGrid>
        <w:gridCol w:w="2448"/>
        <w:gridCol w:w="2788"/>
        <w:gridCol w:w="2754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No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Output Created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6-MAY-2024 23:41:18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mments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pu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at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C:\Users\s1155157933\Downloads\MAIN-FULL_sb-win-size-5.sav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ctive Datase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DataSet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ilter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eigh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plit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N of Rows in Working Data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5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Missing Value Handling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finition of Missing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User-defined missing values are treated as missing.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ases Used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Statistics are based on all cases with valid data for all variables in the model.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yntax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GLM 偏见_Semantic_Breadth 欺凌_Semantic_Breadth 精神病_Semantic_Breadth 创伤_Semantic_Breadth WITH Harm</w:t>
              <w:br/>
              <w:t>Fairness Authority Purity</w:t>
              <w:br/>
              <w:t>/METHOD=SSTYPE(3)</w:t>
              <w:br/>
              <w:t>/INTERCEPT=INCLUDE</w:t>
              <w:br/>
              <w:t>/PRINT=ETASQ PARAMETER</w:t>
              <w:br/>
              <w:t>/CRITERIA=ALPHA(.05)</w:t>
              <w:br/>
              <w:t>/DESIGN=Harm Fairness Authority Purity.</w:t>
              <w:br/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esource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rocessor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lapsed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0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2006"/>
        <w:gridCol w:w="1156"/>
        <w:gridCol w:w="1156"/>
        <w:gridCol w:w="1513"/>
        <w:gridCol w:w="1156"/>
        <w:gridCol w:w="115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Multivariate Tests</w:t>
            </w:r>
            <w:r>
              <w:rPr>
                <w:vertAlign w:val="superscript"/>
              </w:rPr>
              <w:t>a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ffect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152935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Value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Hypothesis d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Error d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ig.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97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1.32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1.32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91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1.32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91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1.32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60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8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60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5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60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5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60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6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2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8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91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2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8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9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2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8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9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2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8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9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94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94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94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94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8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5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79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4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79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4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79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4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79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2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3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2006"/>
        <w:gridCol w:w="166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Multivariate Tests</w:t>
            </w:r>
            <w:r>
              <w:rPr>
                <w:vertAlign w:val="superscript"/>
              </w:rPr>
              <w:t>a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ffect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152935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97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97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97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97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1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1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1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1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3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9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9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9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95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5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5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5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59</w:t>
            </w:r>
          </w:p>
        </w:tc>
      </w:tr>
    </w:tbl>
    <w:tbl>
      <w:tblPr>
        <w:tblW w:w="0" w:type="auto"/>
        <w:jc w:val="left"/>
        <w:tblLayout w:type="fixed"/>
      </w:tblPr>
      <w:tblGrid>
        <w:gridCol w:w="1071"/>
        <w:gridCol w:w="2006"/>
        <w:gridCol w:w="1156"/>
        <w:gridCol w:w="1156"/>
        <w:gridCol w:w="1513"/>
        <w:gridCol w:w="1156"/>
        <w:gridCol w:w="1156"/>
      </w:tblGrid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2006"/>
        <w:gridCol w:w="1666"/>
      </w:tblGrid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a. Design: Intercept + Harm + Fairness + Authority + Purity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b. Exact statistic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768"/>
        <w:gridCol w:w="2703"/>
        <w:gridCol w:w="1666"/>
        <w:gridCol w:w="1156"/>
        <w:gridCol w:w="1479"/>
        <w:gridCol w:w="1156"/>
        <w:gridCol w:w="115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Tests of Between-Subjects Effect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ource</w:t>
            </w:r>
          </w:p>
        </w:tc>
        <w:tc>
          <w:tcPr>
            <w:tcBorders>
              <w:top w:val="none" w:sz="1" w:color="152935"/>
              <w:bottom w:val="singl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pendent Variable</w:t>
            </w:r>
          </w:p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Type III Sum of Squares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d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Mean Square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ig.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Model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8</w:t>
            </w:r>
            <w:r>
              <w:rPr>
                <w:vertAlign w:val="superscript"/>
              </w:rPr>
              <w:t>a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382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60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5.66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  <w:r>
              <w:rPr>
                <w:vertAlign w:val="superscript"/>
              </w:rPr>
              <w:t>c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929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8</w:t>
            </w:r>
            <w:r>
              <w:rPr>
                <w:vertAlign w:val="superscript"/>
              </w:rPr>
              <w:t>d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01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78.06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1.98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5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5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8.74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6.29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7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19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8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2.69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8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8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5.6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3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62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4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6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7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62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0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2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04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1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7.092E-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7.092E-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96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76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0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.024E-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.024E-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1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0.97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5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8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90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rror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7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3.27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1.12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00.51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95.47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4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2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768"/>
        <w:gridCol w:w="2703"/>
        <w:gridCol w:w="166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Tests of Between-Subjects Effect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ource</w:t>
            </w:r>
          </w:p>
        </w:tc>
        <w:tc>
          <w:tcPr>
            <w:tcBorders>
              <w:top w:val="none" w:sz="1" w:color="152935"/>
              <w:bottom w:val="singl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pendent Variable</w:t>
            </w:r>
          </w:p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Model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6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93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4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56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9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8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2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53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6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9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97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3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4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rror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</w:tbl>
    <w:tbl>
      <w:tblPr>
        <w:tblW w:w="0" w:type="auto"/>
        <w:jc w:val="left"/>
        <w:tblLayout w:type="fixed"/>
      </w:tblPr>
      <w:tblGrid>
        <w:gridCol w:w="1768"/>
        <w:gridCol w:w="2703"/>
        <w:gridCol w:w="1666"/>
        <w:gridCol w:w="1156"/>
        <w:gridCol w:w="1479"/>
        <w:gridCol w:w="1156"/>
        <w:gridCol w:w="1156"/>
      </w:tblGrid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768"/>
        <w:gridCol w:w="2703"/>
        <w:gridCol w:w="1666"/>
      </w:tblGrid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a. R Squared = .136 (Adjusted R Squared = .038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b. R Squared = .393 (Adjusted R Squared = .324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c. R Squared = .024 (Adjusted R Squared = -.088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d. R Squared = .256 (Adjusted R Squared = .171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p>
      <w:r/>
    </w:p>
    <w:tbl>
      <w:tblPr>
        <w:tblW w:w="0" w:type="auto"/>
        <w:jc w:val="left"/>
        <w:tblLayout w:type="fixed"/>
      </w:tblPr>
      <w:tblGrid>
        <w:gridCol w:w="2703"/>
        <w:gridCol w:w="1224"/>
        <w:gridCol w:w="1156"/>
        <w:gridCol w:w="1156"/>
        <w:gridCol w:w="1156"/>
        <w:gridCol w:w="1156"/>
        <w:gridCol w:w="1479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Parameter Estima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vMerge w:val="restart"/>
            <w:tcBorders>
              <w:top w:val="none" w:sz="1" w:color="152935"/>
              <w:lef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pendent Variable</w:t>
            </w:r>
          </w:p>
        </w:tc>
        <w:tc>
          <w:tcPr>
            <w:vMerge w:val="restart"/>
            <w:tcBorders>
              <w:top w:val="non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arameter</w:t>
            </w:r>
          </w:p>
        </w:tc>
        <w:tc>
          <w:tcPr>
            <w:vMerge w:val="restart"/>
            <w:tcBorders>
              <w:top w:val="none" w:sz="1" w:color="152935"/>
              <w:left w:val="none" w:sz="1" w:color="152935"/>
              <w:bottom w:val="none" w:sz="1" w:color="aeaeae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B</w:t>
            </w:r>
          </w:p>
        </w:tc>
        <w:tc>
          <w:tcPr>
            <w:vMerge w:val="restart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td. Error</w:t>
            </w:r>
          </w:p>
        </w:tc>
        <w:tc>
          <w:tcPr>
            <w:vMerge w:val="restart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t</w:t>
            </w:r>
          </w:p>
        </w:tc>
        <w:tc>
          <w:tcPr>
            <w:vMerge w:val="restart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ig.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95% Confidence Interval</w:t>
            </w:r>
          </w:p>
        </w:tc>
      </w:tr>
      <w:tr>
        <w:tc>
          <w:tcPr>
            <w:vMerge w:val="continue"/>
            <w:tcBorders>
              <w:top w:val="none" w:sz="1" w:color="152935"/>
              <w:left w:val="none" w:sz="1" w:color="152935"/>
            </w:tcBorders>
          </w:tcPr>
          <w:p/>
        </w:tc>
        <w:tc>
          <w:tcPr>
            <w:vMerge w:val="continue"/>
            <w:tcBorders>
              <w:top w:val="none" w:sz="1" w:color="152935"/>
              <w:right w:val="none" w:sz="1" w:color="152935"/>
            </w:tcBorders>
          </w:tcPr>
          <w:p/>
        </w:tc>
        <w:tc>
          <w:tcPr>
            <w:vMerge w:val="continue"/>
            <w:tcBorders>
              <w:top w:val="none" w:sz="1" w:color="152935"/>
              <w:left w:val="none" w:sz="1" w:color="152935"/>
              <w:bottom w:val="none" w:sz="1" w:color="aeaeae"/>
              <w:right w:val="single" w:sz="1" w:color="e0e0e0"/>
            </w:tcBorders>
          </w:tcPr>
          <w:p/>
        </w:tc>
        <w:tc>
          <w:tcPr>
            <w:vMerge w:val="continue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</w:tcPr>
          <w:p/>
        </w:tc>
        <w:tc>
          <w:tcPr>
            <w:vMerge w:val="continue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</w:tcPr>
          <w:p/>
        </w:tc>
        <w:tc>
          <w:tcPr>
            <w:vMerge w:val="continue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</w:tcPr>
          <w:p/>
        </w:tc>
        <w:tc>
          <w:tcPr>
            <w:tcBorders>
              <w:top w:val="none" w:sz="1" w:color="aeaeae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Lower Bound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386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57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.835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068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09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8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05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27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12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0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6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2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24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3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10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16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4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68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6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56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6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3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02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1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29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3.3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475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6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6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6.22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10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0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88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8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2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8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7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4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96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3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1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9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18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5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208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3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9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51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37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7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6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5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94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7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69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9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284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2703"/>
        <w:gridCol w:w="1224"/>
        <w:gridCol w:w="1479"/>
        <w:gridCol w:w="166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Parameter Estima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vMerge w:val="restart"/>
            <w:tcBorders>
              <w:top w:val="none" w:sz="1" w:color="152935"/>
              <w:lef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pendent Variable</w:t>
            </w:r>
          </w:p>
        </w:tc>
        <w:tc>
          <w:tcPr>
            <w:vMerge w:val="restart"/>
            <w:tcBorders>
              <w:top w:val="non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arameter</w:t>
            </w:r>
          </w:p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95% Confidence Interval</w:t>
            </w:r>
          </w:p>
        </w:tc>
        <w:tc>
          <w:tcPr>
            <w:vMerge w:val="restart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Partial Eta Squared</w:t>
            </w:r>
          </w:p>
        </w:tc>
      </w:tr>
      <w:tr>
        <w:tc>
          <w:tcPr>
            <w:vMerge w:val="continue"/>
            <w:tcBorders>
              <w:top w:val="none" w:sz="1" w:color="152935"/>
              <w:left w:val="none" w:sz="1" w:color="152935"/>
            </w:tcBorders>
          </w:tcPr>
          <w:p/>
        </w:tc>
        <w:tc>
          <w:tcPr>
            <w:vMerge w:val="continue"/>
            <w:tcBorders>
              <w:top w:val="none" w:sz="1" w:color="152935"/>
              <w:right w:val="none" w:sz="1" w:color="152935"/>
            </w:tcBorders>
          </w:tcPr>
          <w:p/>
        </w:tc>
        <w:tc>
          <w:tcPr>
            <w:tcBorders>
              <w:top w:val="none" w:sz="1" w:color="aeaeae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Upper Bound</w:t>
            </w:r>
          </w:p>
        </w:tc>
        <w:tc>
          <w:tcPr>
            <w:vMerge w:val="continue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  <w:right w:val="none" w:sz="1" w:color="152935"/>
            </w:tcBorders>
          </w:tcPr>
          <w:p/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705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90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3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4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67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8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6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11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39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16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2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7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32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5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9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4</w:t>
            </w:r>
          </w:p>
        </w:tc>
      </w:tr>
    </w:tbl>
    <w:p>
      <w:r/>
    </w:p>
    <w:p>
      <w:pPr>
        <w:spacing w:before="200"/>
        <w:jc w:val="left"/>
      </w:pPr>
      <w:r/>
      <w:r>
        <w:rPr>
          <w:rFonts w:ascii="Arial" w:hAnsi="Arial" w:cs="Arial" w:eastAsia="Arial"/>
          <w:b w:val="true"/>
          <w:color w:val="000000"/>
          <w:sz w:val="28"/>
        </w:rPr>
        <w:t/>
        <w:cr/>
        <w:t>General Linear Model</w:t>
        <w:cr/>
      </w:r>
    </w:p>
    <w:p>
      <w:r/>
    </w:p>
    <w:tbl>
      <w:tblPr>
        <w:tblW w:w="0" w:type="auto"/>
        <w:jc w:val="left"/>
        <w:tblLayout w:type="fixed"/>
      </w:tblPr>
      <w:tblGrid>
        <w:gridCol w:w="2448"/>
        <w:gridCol w:w="2788"/>
        <w:gridCol w:w="2754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No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Output Created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6-MAY-2024 23:41:51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mments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pu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at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C:\Users\s1155157933\Downloads\MAIN-FULL_sb-win-size-5.sav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ctive Datase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DataSet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ilter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eigh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plit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N of Rows in Working Data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5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Missing Value Handling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finition of Missing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User-defined missing values are treated as missing.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ases Used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Statistics are based on all cases with valid data for all variables in the model.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yntax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GLM 分裂_Semantic_Breadth 阴谋_Semantic_Breadth 主权_Semantic_Breadth 恐怖主义_Semantic_Breadth WITH Harm</w:t>
              <w:br/>
              <w:t>Fairness Authority Purity</w:t>
              <w:br/>
              <w:t>/METHOD=SSTYPE(3)</w:t>
              <w:br/>
              <w:t>/INTERCEPT=INCLUDE</w:t>
              <w:br/>
              <w:t>/PRINT=ETASQ PARAMETER</w:t>
              <w:br/>
              <w:t>/CRITERIA=ALPHA(.05)</w:t>
              <w:br/>
              <w:t>/DESIGN=Harm Fairness Authority Purity.</w:t>
              <w:br/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esource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rocessor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lapsed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3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2006"/>
        <w:gridCol w:w="1156"/>
        <w:gridCol w:w="1156"/>
        <w:gridCol w:w="1513"/>
        <w:gridCol w:w="1156"/>
        <w:gridCol w:w="115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Multivariate Tests</w:t>
            </w:r>
            <w:r>
              <w:rPr>
                <w:vertAlign w:val="superscript"/>
              </w:rPr>
              <w:t>a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ffect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152935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Value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Hypothesis d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Error d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ig.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26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2.80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7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2.80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7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2.80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7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2.80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44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8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44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7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44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7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44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40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8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40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6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40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6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40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8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21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2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8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21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2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21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2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212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23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1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9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92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1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9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1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9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1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6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90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2006"/>
        <w:gridCol w:w="166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Multivariate Tests</w:t>
            </w:r>
            <w:r>
              <w:rPr>
                <w:vertAlign w:val="superscript"/>
              </w:rPr>
              <w:t>a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ffect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152935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26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26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26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26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4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9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illai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ilks' Lambd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otelling's Trac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oy's Largest Roo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3</w:t>
            </w:r>
          </w:p>
        </w:tc>
      </w:tr>
    </w:tbl>
    <w:tbl>
      <w:tblPr>
        <w:tblW w:w="0" w:type="auto"/>
        <w:jc w:val="left"/>
        <w:tblLayout w:type="fixed"/>
      </w:tblPr>
      <w:tblGrid>
        <w:gridCol w:w="1071"/>
        <w:gridCol w:w="2006"/>
        <w:gridCol w:w="1156"/>
        <w:gridCol w:w="1156"/>
        <w:gridCol w:w="1513"/>
        <w:gridCol w:w="1156"/>
        <w:gridCol w:w="1156"/>
      </w:tblGrid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  <w:tr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  <w:tc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2006"/>
        <w:gridCol w:w="1666"/>
      </w:tblGrid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a. Design: Intercept + Harm + Fairness + Authority + Purity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b. Exact statistic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382"/>
        <w:gridCol w:w="2180"/>
        <w:gridCol w:w="1303"/>
        <w:gridCol w:w="904"/>
        <w:gridCol w:w="1156"/>
        <w:gridCol w:w="904"/>
        <w:gridCol w:w="904"/>
        <w:gridCol w:w="1303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Tests of Between-Subjects Effect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ource</w:t>
            </w:r>
          </w:p>
        </w:tc>
        <w:tc>
          <w:tcPr>
            <w:tcBorders>
              <w:top w:val="none" w:sz="1" w:color="152935"/>
              <w:bottom w:val="singl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pendent Variable</w:t>
            </w:r>
          </w:p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Type III Sum of Squares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d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Mean Square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F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ig.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Model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9</w:t>
            </w:r>
            <w:r>
              <w:rPr>
                <w:vertAlign w:val="superscript"/>
              </w:rPr>
              <w:t>a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658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79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45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0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34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08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4</w:t>
            </w:r>
            <w:r>
              <w:rPr>
                <w:vertAlign w:val="superscript"/>
              </w:rPr>
              <w:t>c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64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14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0</w:t>
            </w:r>
            <w:r>
              <w:rPr>
                <w:vertAlign w:val="superscript"/>
              </w:rPr>
              <w:t>d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.40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1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43.4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86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.76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3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5.31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3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99.5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18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546E-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546E-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99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6.40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4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5.49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36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7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74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9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7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8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8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0.04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05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4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9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52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2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9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5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6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7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09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9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.231E-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.231E-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4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4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9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9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rror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92.43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98.97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4.12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88.15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rrected Total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9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shd w:color="auto" w:val="clear" w:fill="f9f9fb"/>
          </w:tcPr>
          <w:p/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shd w:color="auto" w:val="clear" w:fill="f9f9fb"/>
          </w:tcPr>
          <w:p/>
        </w:tc>
      </w:tr>
    </w:tbl>
    <w:tbl>
      <w:tblPr>
        <w:tblW w:w="0" w:type="auto"/>
        <w:jc w:val="left"/>
        <w:tblLayout w:type="fixed"/>
      </w:tblPr>
      <w:tblGrid>
        <w:gridCol w:w="1382"/>
        <w:gridCol w:w="2180"/>
        <w:gridCol w:w="1303"/>
        <w:gridCol w:w="904"/>
        <w:gridCol w:w="1156"/>
        <w:gridCol w:w="904"/>
        <w:gridCol w:w="904"/>
        <w:gridCol w:w="1303"/>
      </w:tblGrid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a. R Squared = .145 (Adjusted R Squared = .058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b. R Squared = .308 (Adjusted R Squared = .237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c. R Squared = .214 (Adjusted R Squared = .133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d. R Squared = .311 (Adjusted R Squared = .241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2788"/>
        <w:gridCol w:w="1224"/>
        <w:gridCol w:w="1156"/>
        <w:gridCol w:w="1156"/>
        <w:gridCol w:w="1156"/>
        <w:gridCol w:w="1156"/>
        <w:gridCol w:w="1479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Parameter Estima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vMerge w:val="restart"/>
            <w:tcBorders>
              <w:top w:val="none" w:sz="1" w:color="152935"/>
              <w:lef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pendent Variable</w:t>
            </w:r>
          </w:p>
        </w:tc>
        <w:tc>
          <w:tcPr>
            <w:vMerge w:val="restart"/>
            <w:tcBorders>
              <w:top w:val="non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arameter</w:t>
            </w:r>
          </w:p>
        </w:tc>
        <w:tc>
          <w:tcPr>
            <w:vMerge w:val="restart"/>
            <w:tcBorders>
              <w:top w:val="none" w:sz="1" w:color="152935"/>
              <w:left w:val="none" w:sz="1" w:color="152935"/>
              <w:bottom w:val="none" w:sz="1" w:color="aeaeae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B</w:t>
            </w:r>
          </w:p>
        </w:tc>
        <w:tc>
          <w:tcPr>
            <w:vMerge w:val="restart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td. Error</w:t>
            </w:r>
          </w:p>
        </w:tc>
        <w:tc>
          <w:tcPr>
            <w:vMerge w:val="restart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t</w:t>
            </w:r>
          </w:p>
        </w:tc>
        <w:tc>
          <w:tcPr>
            <w:vMerge w:val="restart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ig.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95% Confidence Interval</w:t>
            </w:r>
          </w:p>
        </w:tc>
      </w:tr>
      <w:tr>
        <w:tc>
          <w:tcPr>
            <w:vMerge w:val="continue"/>
            <w:tcBorders>
              <w:top w:val="none" w:sz="1" w:color="152935"/>
              <w:left w:val="none" w:sz="1" w:color="152935"/>
            </w:tcBorders>
          </w:tcPr>
          <w:p/>
        </w:tc>
        <w:tc>
          <w:tcPr>
            <w:vMerge w:val="continue"/>
            <w:tcBorders>
              <w:top w:val="none" w:sz="1" w:color="152935"/>
              <w:right w:val="none" w:sz="1" w:color="152935"/>
            </w:tcBorders>
          </w:tcPr>
          <w:p/>
        </w:tc>
        <w:tc>
          <w:tcPr>
            <w:vMerge w:val="continue"/>
            <w:tcBorders>
              <w:top w:val="none" w:sz="1" w:color="152935"/>
              <w:left w:val="none" w:sz="1" w:color="152935"/>
              <w:bottom w:val="none" w:sz="1" w:color="aeaeae"/>
              <w:right w:val="single" w:sz="1" w:color="e0e0e0"/>
            </w:tcBorders>
          </w:tcPr>
          <w:p/>
        </w:tc>
        <w:tc>
          <w:tcPr>
            <w:vMerge w:val="continue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</w:tcPr>
          <w:p/>
        </w:tc>
        <w:tc>
          <w:tcPr>
            <w:vMerge w:val="continue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</w:tcPr>
          <w:p/>
        </w:tc>
        <w:tc>
          <w:tcPr>
            <w:vMerge w:val="continue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</w:tcBorders>
          </w:tcPr>
          <w:p/>
        </w:tc>
        <w:tc>
          <w:tcPr>
            <w:tcBorders>
              <w:top w:val="none" w:sz="1" w:color="aeaeae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Lower Bound</w:t>
            </w:r>
          </w:p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688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41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1.976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403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4.750E-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1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99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09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31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9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10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1.57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28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5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1.44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133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04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6.69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3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53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9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7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1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23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2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0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43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6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67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19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7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6.73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3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.34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36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8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1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31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5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2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0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19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84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107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25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9.97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.0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00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53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3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0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3.16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5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61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1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2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86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39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-.099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2788"/>
        <w:gridCol w:w="1224"/>
        <w:gridCol w:w="1479"/>
        <w:gridCol w:w="166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Parameter Estima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vMerge w:val="restart"/>
            <w:tcBorders>
              <w:top w:val="none" w:sz="1" w:color="152935"/>
              <w:lef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pendent Variable</w:t>
            </w:r>
          </w:p>
        </w:tc>
        <w:tc>
          <w:tcPr>
            <w:vMerge w:val="restart"/>
            <w:tcBorders>
              <w:top w:val="non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arameter</w:t>
            </w:r>
          </w:p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95% Confidence Interval</w:t>
            </w:r>
          </w:p>
        </w:tc>
        <w:tc>
          <w:tcPr>
            <w:vMerge w:val="restart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Partial Eta Squared</w:t>
            </w:r>
          </w:p>
        </w:tc>
      </w:tr>
      <w:tr>
        <w:tc>
          <w:tcPr>
            <w:vMerge w:val="continue"/>
            <w:tcBorders>
              <w:top w:val="none" w:sz="1" w:color="152935"/>
              <w:left w:val="none" w:sz="1" w:color="152935"/>
            </w:tcBorders>
          </w:tcPr>
          <w:p/>
        </w:tc>
        <w:tc>
          <w:tcPr>
            <w:vMerge w:val="continue"/>
            <w:tcBorders>
              <w:top w:val="none" w:sz="1" w:color="152935"/>
              <w:right w:val="none" w:sz="1" w:color="152935"/>
            </w:tcBorders>
          </w:tcPr>
          <w:p/>
        </w:tc>
        <w:tc>
          <w:tcPr>
            <w:tcBorders>
              <w:top w:val="none" w:sz="1" w:color="aeaeae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Upper Bound</w:t>
            </w:r>
          </w:p>
        </w:tc>
        <w:tc>
          <w:tcPr>
            <w:vMerge w:val="continue"/>
            <w:tcBorders>
              <w:top w:val="none" w:sz="1" w:color="152935"/>
              <w:left w:val="single" w:sz="1" w:color="e0e0e0"/>
              <w:bottom w:val="none" w:sz="1" w:color="aeaeae"/>
              <w:right w:val="single" w:sz="1" w:color="e0e0e0"/>
              <w:right w:val="none" w:sz="1" w:color="152935"/>
            </w:tcBorders>
          </w:tcPr>
          <w:p/>
        </w:tc>
      </w:tr>
      <w:tr>
        <w:tc>
          <w:tcPr>
            <w:vMerge w:val="restart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973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86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0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3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9</w:t>
            </w:r>
          </w:p>
        </w:tc>
      </w:tr>
      <w:tr>
        <w:tc>
          <w:tcPr>
            <w:vMerge w:val="continue"/>
            <w:tcBorders>
              <w:top w:val="single" w:sz="1" w:color="152935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36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34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4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0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5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5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53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2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12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8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1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tercep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51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718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Harm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airness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205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utho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07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non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urity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19</w:t>
            </w:r>
          </w:p>
        </w:tc>
      </w:tr>
    </w:tbl>
    <w:sectPr>
      <w:pgSz w:h="16833" w:w="11904" w:orient="portrait"/>
      <w:pgMar w:left="1440" w:top="1440" w:right="1440" w:bottom="1440"/>
    </w:sectPr>
  </w:body>
</w:document>
</file>

<file path=word/settings.xml><?xml version="1.0" encoding="utf-8"?>
<w:settings xmlns:w="http://schemas.openxmlformats.org/wordprocessingml/2006/main"/>
</file>

<file path=word/_rels/document.xml.rels><?xml version="1.0" encoding="UTF-8" standalone="no"?><Relationships xmlns="http://schemas.openxmlformats.org/package/2006/relationships"><Relationship Id="rId1" Target="settings.xml" Type="http://schemas.openxmlformats.org/officeDocument/2006/relationships/settings"/></Relationships>
</file>

<file path=docProps/app.xml><?xml version="1.0" encoding="utf-8"?>
<Properties xmlns="http://schemas.openxmlformats.org/officeDocument/2006/extended-properties">
  <Application>Apache POI</Applicat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>
  <dcterms:created xsi:type="dcterms:W3CDTF">2024-05-06T15:42:05Z</dcterms:created>
  <dc:creator>IBM SPSS Statistics</dc:creator>
</cp:coreProperties>
</file>